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8-2-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8-2-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unschot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4" name="Afbeelding 3" descr="Afbeelding met symbool, logo, tekst, Lettertype&#10;&#10;Automatisch gegenereerde beschrijving">
            <a:extLst>
              <a:ext uri="{FF2B5EF4-FFF2-40B4-BE49-F238E27FC236}">
                <a16:creationId xmlns:a16="http://schemas.microsoft.com/office/drawing/2014/main" id="{D46E9639-912D-8699-7F9E-303D676072D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044" y="4658623"/>
            <a:ext cx="2067469" cy="1972365"/>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symbool, logo, tekst, Lettertype&#10;&#10;Automatisch gegenereerde beschrijving">
            <a:extLst>
              <a:ext uri="{FF2B5EF4-FFF2-40B4-BE49-F238E27FC236}">
                <a16:creationId xmlns:a16="http://schemas.microsoft.com/office/drawing/2014/main" id="{EEBC269C-9B55-C26C-2932-63D72CECBFB9}"/>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15276" y="3790525"/>
            <a:ext cx="1652756" cy="157672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2-08T13:51:27Z</dcterms:modified>
</cp:coreProperties>
</file>